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ijken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48E5B6C-3523-F1D5-06DA-48D762E89E1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524375"/>
            <a:ext cx="1873444" cy="213947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a:extLst>
              <a:ext uri="{FF2B5EF4-FFF2-40B4-BE49-F238E27FC236}">
                <a16:creationId xmlns:a16="http://schemas.microsoft.com/office/drawing/2014/main" id="{A23D1AE8-93D3-56D6-23C3-9044201A42F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0573" y="4337330"/>
            <a:ext cx="825484" cy="94270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1-15T14:51:36Z</dcterms:modified>
</cp:coreProperties>
</file>